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2"/>
  </p:notesMasterIdLst>
  <p:handoutMasterIdLst>
    <p:handoutMasterId r:id="rId13"/>
  </p:handoutMasterIdLst>
  <p:sldIdLst>
    <p:sldId id="256" r:id="rId2"/>
    <p:sldId id="263" r:id="rId3"/>
    <p:sldId id="262" r:id="rId4"/>
    <p:sldId id="257" r:id="rId5"/>
    <p:sldId id="261" r:id="rId6"/>
    <p:sldId id="260" r:id="rId7"/>
    <p:sldId id="258" r:id="rId8"/>
    <p:sldId id="259" r:id="rId9"/>
    <p:sldId id="264" r:id="rId10"/>
    <p:sldId id="265" r:id="rId11"/>
  </p:sldIdLst>
  <p:sldSz cx="9144000" cy="6858000" type="screen4x3"/>
  <p:notesSz cx="6858000" cy="9144000"/>
  <p:custDataLst>
    <p:tags r:id="rId14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CC00"/>
    <a:srgbClr val="FF6600"/>
    <a:srgbClr val="FF00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84701" autoAdjust="0"/>
  </p:normalViewPr>
  <p:slideViewPr>
    <p:cSldViewPr showGuides="1">
      <p:cViewPr varScale="1">
        <p:scale>
          <a:sx n="73" d="100"/>
          <a:sy n="73" d="100"/>
        </p:scale>
        <p:origin x="1675" y="67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[</a:t>
            </a:r>
            <a:r>
              <a:rPr lang="da-DK" dirty="0" err="1"/>
              <a:t>blurp</a:t>
            </a:r>
            <a:r>
              <a:rPr lang="da-DK" dirty="0"/>
              <a:t>] Vi er i gang med at programmere en integreret kreds, med en </a:t>
            </a:r>
            <a:r>
              <a:rPr lang="da-DK" dirty="0" err="1"/>
              <a:t>microcontroller</a:t>
            </a:r>
            <a:r>
              <a:rPr lang="da-DK" dirty="0"/>
              <a:t>, der skal kunne styre en motor, ved hjælp af </a:t>
            </a:r>
            <a:r>
              <a:rPr lang="da-DK" dirty="0" err="1"/>
              <a:t>fuel</a:t>
            </a:r>
            <a:r>
              <a:rPr lang="da-DK" dirty="0"/>
              <a:t> </a:t>
            </a:r>
            <a:r>
              <a:rPr lang="da-DK" dirty="0" err="1"/>
              <a:t>injection</a:t>
            </a:r>
            <a:r>
              <a:rPr lang="da-DK" dirty="0"/>
              <a:t> og antænding (</a:t>
            </a:r>
            <a:r>
              <a:rPr lang="da-DK" dirty="0" err="1"/>
              <a:t>tænsspole</a:t>
            </a:r>
            <a:r>
              <a:rPr lang="da-DK" dirty="0"/>
              <a:t>).</a:t>
            </a:r>
          </a:p>
          <a:p>
            <a:endParaRPr lang="da-DK" dirty="0"/>
          </a:p>
          <a:p>
            <a:r>
              <a:rPr lang="da-DK" dirty="0"/>
              <a:t>Vi har fokuseret meget på denne del, og dermed meget mere på programmering end design af boardet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628329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748900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Labview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9004841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ig noget generelt om at dette fjerner </a:t>
            </a:r>
            <a:r>
              <a:rPr lang="da-DK" dirty="0" err="1"/>
              <a:t>nødvændigheden</a:t>
            </a:r>
            <a:r>
              <a:rPr lang="da-DK" dirty="0"/>
              <a:t> for konstant at tjekke betingelser.</a:t>
            </a:r>
          </a:p>
          <a:p>
            <a:r>
              <a:rPr lang="da-DK" dirty="0"/>
              <a:t>Ved udfordringer tænker jeg mest i forhold til at det kan afbryde anden kode, fx kommunikation, hvilket kan give problemer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0513168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a-DK" dirty="0"/>
              <a:t>Hvad så når </a:t>
            </a:r>
            <a:r>
              <a:rPr lang="da-DK" dirty="0" err="1"/>
              <a:t>interrupts</a:t>
            </a:r>
            <a:r>
              <a:rPr lang="da-DK" dirty="0"/>
              <a:t> bliver for </a:t>
            </a:r>
            <a:r>
              <a:rPr lang="da-DK" dirty="0" err="1"/>
              <a:t>langsommme</a:t>
            </a:r>
            <a:r>
              <a:rPr lang="da-DK" dirty="0"/>
              <a:t>? (Hardware </a:t>
            </a:r>
            <a:r>
              <a:rPr lang="da-DK" dirty="0" err="1"/>
              <a:t>decoder</a:t>
            </a:r>
            <a:r>
              <a:rPr lang="da-DK" dirty="0"/>
              <a:t>)</a:t>
            </a:r>
          </a:p>
          <a:p>
            <a:pPr marL="171450" indent="-171450">
              <a:buFontTx/>
              <a:buChar char="-"/>
            </a:pPr>
            <a:r>
              <a:rPr lang="da-DK" dirty="0"/>
              <a:t>Aflæsning når der er behov for det,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597427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anuel test, til om det overhovedet virker</a:t>
            </a:r>
          </a:p>
          <a:p>
            <a:r>
              <a:rPr lang="da-DK" dirty="0"/>
              <a:t>High speed test til om det skaber problemer i koden med hastigheden. (nej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197939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Problemer med støj</a:t>
            </a:r>
          </a:p>
          <a:p>
            <a:r>
              <a:rPr lang="da-DK" dirty="0"/>
              <a:t>Test </a:t>
            </a:r>
            <a:r>
              <a:rPr lang="da-DK" dirty="0" err="1"/>
              <a:t>setup</a:t>
            </a:r>
            <a:r>
              <a:rPr lang="da-DK" dirty="0"/>
              <a:t> – Måling af signalernes længde (Virkede som forventet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166057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r>
              <a:rPr lang="da-DK"/>
              <a:t>Fagprojekt - Motorstyring på økobilen</a:t>
            </a:r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noProof="0"/>
              <a:t>Click to edit Master subtitle style</a:t>
            </a:r>
          </a:p>
        </p:txBody>
      </p:sp>
      <p:pic>
        <p:nvPicPr>
          <p:cNvPr id="2102353072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5149730" cy="626400"/>
          </a:xfrm>
          <a:prstGeom prst="rect">
            <a:avLst/>
          </a:prstGeom>
        </p:spPr>
      </p:pic>
      <p:pic>
        <p:nvPicPr>
          <p:cNvPr id="196820342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Fagprojekt - Motorstyring på økobile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da-DK" sz="850" b="1" dirty="0"/>
              <a:t>DTU Elektro, Danmarks Tekniske Universitet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da-DK" sz="1100" noProof="1">
                <a:solidFill>
                  <a:schemeClr val="bg2"/>
                </a:solidFill>
              </a:rPr>
              <a:t>Presentation Title or Date</a:t>
            </a:r>
            <a:endParaRPr lang="da-DK"/>
          </a:p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via ”Insert”; ”Header &amp; Footer”</a:t>
            </a:r>
            <a:endParaRPr lang="da-DK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smithlhhsb122.wikispaces.com/Nathan%20B." TargetMode="External"/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9.jpe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EK-1 – Motorstyring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idskritisk </a:t>
            </a:r>
            <a:r>
              <a:rPr lang="da-DK" dirty="0" err="1"/>
              <a:t>microcontroller</a:t>
            </a:r>
            <a:r>
              <a:rPr lang="da-DK" dirty="0"/>
              <a:t> programmering</a:t>
            </a:r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06C58D0-0F5D-4B2C-AD04-6F33C35FDF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6000" dirty="0"/>
              <a:t>Q &amp; A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DCD9E867-7858-4726-9829-A68D8ED2CEA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"/>
              </a:ext>
            </a:extLst>
          </a:blip>
          <a:stretch>
            <a:fillRect/>
          </a:stretch>
        </p:blipFill>
        <p:spPr>
          <a:xfrm>
            <a:off x="2267744" y="1807540"/>
            <a:ext cx="5320228" cy="4309719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0D08B0C-6EC0-48E6-A123-B97C4EABD1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7545EBF-E532-41C0-85DE-365ABF813D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6923CE4-76F9-424D-9358-30FE94AF62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837675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0A89ABB-0C4B-4163-8428-6B03E815BD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troduktion og fokus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BA2212F-981C-4BC2-9EFB-AC33966E6D9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52033" y="1600200"/>
            <a:ext cx="6087533" cy="456565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68216AE-6960-492B-B02B-B3D5C09CB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DAE6CAA7-51AC-4931-82F1-43EC74647C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96FA256-92EA-490D-9469-EFF819C59C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837931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1A74739-3429-4154-B135-5E42741B41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riginal problemformul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7767B3D-BED6-427D-A7FC-668D6C8247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Hvordan erstattes den effektforbrugende RIO af en anden mere </a:t>
            </a:r>
            <a:r>
              <a:rPr lang="da-DK" dirty="0" err="1"/>
              <a:t>enegieffektiv</a:t>
            </a:r>
            <a:r>
              <a:rPr lang="da-DK" dirty="0"/>
              <a:t> platform, der ved hjælp af en </a:t>
            </a:r>
            <a:r>
              <a:rPr lang="da-DK" dirty="0" err="1"/>
              <a:t>microcontroller</a:t>
            </a:r>
            <a:r>
              <a:rPr lang="da-DK" dirty="0"/>
              <a:t> opfylder følgende krav:</a:t>
            </a:r>
          </a:p>
          <a:p>
            <a:r>
              <a:rPr lang="da-DK" dirty="0"/>
              <a:t>Den skal have en nødsluk-funktion der slukker korrekt for motoren</a:t>
            </a:r>
          </a:p>
          <a:p>
            <a:r>
              <a:rPr lang="da-DK" dirty="0"/>
              <a:t>Den skal kunne operere en elektrisk motortænding, for at kunne starte bilen</a:t>
            </a:r>
          </a:p>
          <a:p>
            <a:r>
              <a:rPr lang="da-DK" dirty="0"/>
              <a:t>N ̊ar den starter bilen, skal den indikere dette gennem røde startlys med en lysstyrke der svarer til en 12W glødepære</a:t>
            </a:r>
          </a:p>
          <a:p>
            <a:r>
              <a:rPr lang="da-DK" dirty="0"/>
              <a:t>Motoren skal kun køre s ̊a længe den modtager et kontinuert signal fra føreren af bilen</a:t>
            </a:r>
          </a:p>
          <a:p>
            <a:r>
              <a:rPr lang="da-DK" dirty="0"/>
              <a:t>Den skal kunne modtage kommandoer fra motorboardet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5652099-B631-4221-A1C6-CF0E43CB46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70B290AC-4F40-4A10-AEE7-549E89C2B0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FC69C384-B544-4D5F-8A2A-29E2662BBB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658925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fordringer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Overtagelse af et projekt</a:t>
            </a:r>
          </a:p>
          <a:p>
            <a:r>
              <a:rPr lang="da-DK" dirty="0"/>
              <a:t>Samarbejde med andre linjer</a:t>
            </a:r>
          </a:p>
          <a:p>
            <a:r>
              <a:rPr lang="da-DK" dirty="0"/>
              <a:t>Svært at finde og stille krav til kode</a:t>
            </a:r>
          </a:p>
          <a:p>
            <a:r>
              <a:rPr lang="da-DK" dirty="0"/>
              <a:t>Teknologiske udfordringer</a:t>
            </a:r>
          </a:p>
          <a:p>
            <a:pPr lvl="1"/>
            <a:r>
              <a:rPr lang="da-DK" dirty="0"/>
              <a:t>Støj</a:t>
            </a:r>
          </a:p>
          <a:p>
            <a:pPr lvl="1"/>
            <a:r>
              <a:rPr lang="da-DK" dirty="0"/>
              <a:t>Ledninger</a:t>
            </a:r>
          </a:p>
          <a:p>
            <a:endParaRPr lang="da-DK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4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3451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C530C6-3CA2-470C-8F2E-732D71DB38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– </a:t>
            </a:r>
            <a:r>
              <a:rPr lang="da-DK" dirty="0" err="1"/>
              <a:t>Interrupt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DC2DE8F-3EBE-4208-BCD4-11B27EAB437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Tidskritisk programmering</a:t>
            </a:r>
          </a:p>
          <a:p>
            <a:pPr lvl="1"/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Fordele og udfordringer</a:t>
            </a:r>
          </a:p>
          <a:p>
            <a:pPr marL="0" indent="0">
              <a:buNone/>
            </a:pPr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Writ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LOW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 </a:t>
            </a:r>
            <a:r>
              <a:rPr lang="en-GB" sz="1100" dirty="0">
                <a:solidFill>
                  <a:srgbClr val="008000"/>
                </a:solidFill>
                <a:latin typeface="Consolas" panose="020B0609020204030204" pitchFamily="49" charset="0"/>
              </a:rPr>
              <a:t>//Sends signal to stop injection</a:t>
            </a:r>
            <a:endParaRPr lang="en-GB" sz="1100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itializeInjectio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pinMode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da-DK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da-DK" sz="1100" dirty="0">
                <a:solidFill>
                  <a:srgbClr val="6F008A"/>
                </a:solidFill>
                <a:latin typeface="Consolas" panose="020B0609020204030204" pitchFamily="49" charset="0"/>
              </a:rPr>
              <a:t>OUTPUT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addDelay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en-GB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jectionCheck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doub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  if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(!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Rea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 &amp;&amp; (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g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amp;&amp;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l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+ 10)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art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trigger(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}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26F8531-E253-4C79-B6CA-0635EF6820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AF9FB5E2-6EA7-4136-9506-49FB0E0238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257F272-1AEF-47A9-BDCD-E727799EC3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829597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1A3F8B-B076-4F6C-A25F-14DD70F54D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- Hardware udnyttels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/>
              </p:cNvSpPr>
              <p:nvPr>
                <p:ph sz="half" idx="1"/>
              </p:nvPr>
            </p:nvSpPr>
            <p:spPr/>
            <p:txBody>
              <a:bodyPr/>
              <a:lstStyle/>
              <a:p>
                <a:pPr marL="0" indent="0">
                  <a:buNone/>
                </a:pPr>
                <a:r>
                  <a:rPr lang="da-DK" dirty="0"/>
                  <a:t>Ved 3000 RPM, og 720 </a:t>
                </a:r>
                <a:r>
                  <a:rPr lang="da-DK" dirty="0" err="1"/>
                  <a:t>encoder</a:t>
                </a:r>
                <a:r>
                  <a:rPr lang="da-DK" dirty="0"/>
                  <a:t> </a:t>
                </a:r>
                <a:r>
                  <a:rPr lang="da-DK" dirty="0" err="1"/>
                  <a:t>ticks</a:t>
                </a:r>
                <a:r>
                  <a:rPr lang="da-DK" dirty="0"/>
                  <a:t> per rotation, skal der forøges en variabel med hastigheden:</a:t>
                </a:r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3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𝑟𝑜𝑢𝑛𝑑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𝑚𝑖𝑛𝑢𝑡𝑒</m:t>
                          </m:r>
                        </m:den>
                      </m:f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50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𝐻𝑧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360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𝑡𝑖𝑐𝑘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den>
                      </m:f>
                    </m:oMath>
                  </m:oMathPara>
                </a14:m>
                <a:endParaRPr lang="da-DK" dirty="0"/>
              </a:p>
              <a:p>
                <a:pPr marL="0" indent="0">
                  <a:buNone/>
                </a:pPr>
                <a:endParaRPr lang="da-DK" dirty="0"/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1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3,4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2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3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2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29,30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8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9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/>
              </a:p>
            </p:txBody>
          </p:sp>
        </mc:Choice>
        <mc:Fallback xmlns=""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sz="half" idx="1"/>
              </p:nvPr>
            </p:nvSpPr>
            <p:spPr>
              <a:blipFill>
                <a:blip r:embed="rId3"/>
                <a:stretch>
                  <a:fillRect l="-3200" t="-1471" r="-176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1BE0AB1F-8B50-4A90-944C-959C186D2CBF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/>
          <a:stretch>
            <a:fillRect/>
          </a:stretch>
        </p:blipFill>
        <p:spPr>
          <a:xfrm>
            <a:off x="4572000" y="2708921"/>
            <a:ext cx="4359400" cy="2085394"/>
          </a:xfrm>
          <a:prstGeom prst="rect">
            <a:avLst/>
          </a:prstGeo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48B774C-DACC-4D12-8BFF-39DC38D36F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0BBAD3F-6BDE-47B8-A2A7-7F86AB74F8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1499D47-AD78-4908-974B-A4A9B7999D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360086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27D569-FF02-4FAB-B6B3-3F60682506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- Encoder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946355DF-ACED-4293-AB00-8291ABAFA7F1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251" y="1600200"/>
            <a:ext cx="3424698" cy="456565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82E3B789-BA51-44FE-8FEA-06B71DCD5981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64881" y="1600200"/>
            <a:ext cx="3424237" cy="456565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7EE901-FFBE-4AD6-9A0F-350708FC0A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A5286EA-3D15-4506-9DDD-BDA9945512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45AD71D-BD23-48CE-B992-68BA63BF70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070007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41D1BF-5F39-4041-A667-36C2AA864A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– Tænding og </a:t>
            </a:r>
            <a:r>
              <a:rPr lang="da-DK" dirty="0" err="1"/>
              <a:t>Injection</a:t>
            </a:r>
            <a:endParaRPr lang="da-DK" dirty="0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475A3061-7FB8-443E-927D-82F3C88C3BF3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2454275"/>
            <a:ext cx="3810000" cy="285750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9D4B62D9-2195-4AB1-B303-5C0D4D84BB56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4572000" y="2454275"/>
            <a:ext cx="3810000" cy="2857500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C2FB97C5-FA7F-44F5-A02F-D28546B89E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D1F5E5BE-1F52-401D-B3AE-8A7DC1C89E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3FAC8B57-0AE7-45E4-83D3-7409BCB18C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3868588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D2D0B71-5553-48A2-91CF-ECD88EA56D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atus: Hvad der mangler</a:t>
            </a:r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DB137107-5436-4A8F-9625-5BEF087F0E7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Poster og </a:t>
            </a:r>
            <a:r>
              <a:rPr lang="da-DK" dirty="0" err="1"/>
              <a:t>paper</a:t>
            </a:r>
            <a:r>
              <a:rPr lang="da-DK" dirty="0"/>
              <a:t>.</a:t>
            </a:r>
          </a:p>
          <a:p>
            <a:r>
              <a:rPr lang="da-DK" dirty="0"/>
              <a:t>Elektrisk kommunikation.</a:t>
            </a:r>
          </a:p>
          <a:p>
            <a:r>
              <a:rPr lang="da-DK" dirty="0"/>
              <a:t>Nice-to – funktioner</a:t>
            </a:r>
          </a:p>
          <a:p>
            <a:r>
              <a:rPr lang="da-DK" dirty="0"/>
              <a:t>Dokumentation</a:t>
            </a:r>
          </a:p>
          <a:p>
            <a:pPr lvl="1"/>
            <a:r>
              <a:rPr lang="da-DK" dirty="0"/>
              <a:t>Krav</a:t>
            </a:r>
          </a:p>
          <a:p>
            <a:pPr lvl="1"/>
            <a:r>
              <a:rPr lang="da-DK" dirty="0"/>
              <a:t>Kode</a:t>
            </a:r>
          </a:p>
          <a:p>
            <a:pPr lvl="1"/>
            <a:r>
              <a:rPr lang="da-DK" dirty="0"/>
              <a:t>Ønsker</a:t>
            </a:r>
          </a:p>
          <a:p>
            <a:pPr lvl="1"/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92A0B23E-1A17-4504-B9F0-F9CC83D716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8. maj 2018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8EA6BE-6626-4E67-880F-90E44929CB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E80DD5E-B898-4FE7-B274-B55DF3D150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62686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86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438" row="7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6FC077C-C4DE-402F-B196-A73C27093D99}">
  <we:reference id="wa104380278" version="1.0.0.6" store="da-DK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124</TotalTime>
  <Words>620</Words>
  <Application>Microsoft Office PowerPoint</Application>
  <PresentationFormat>Skærmshow (4:3)</PresentationFormat>
  <Paragraphs>108</Paragraphs>
  <Slides>10</Slides>
  <Notes>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5" baseType="lpstr">
      <vt:lpstr>ＭＳ Ｐゴシック</vt:lpstr>
      <vt:lpstr>Cambria Math</vt:lpstr>
      <vt:lpstr>Consolas</vt:lpstr>
      <vt:lpstr>Verdana</vt:lpstr>
      <vt:lpstr>Institute</vt:lpstr>
      <vt:lpstr>MEK-1 – Motorstyring </vt:lpstr>
      <vt:lpstr>Introduktion og fokus</vt:lpstr>
      <vt:lpstr>Original problemformulering</vt:lpstr>
      <vt:lpstr>Udfordringer</vt:lpstr>
      <vt:lpstr>Programmering – Interrupts</vt:lpstr>
      <vt:lpstr>Programmering - Hardware udnyttelse</vt:lpstr>
      <vt:lpstr>Test - Encoder</vt:lpstr>
      <vt:lpstr>Test – Tænding og Injection</vt:lpstr>
      <vt:lpstr>Status: Hvad der mangler</vt:lpstr>
      <vt:lpstr>Q &amp; A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Asger Johan Kühl</cp:lastModifiedBy>
  <cp:revision>21</cp:revision>
  <dcterms:created xsi:type="dcterms:W3CDTF">2017-08-01T08:06:08Z</dcterms:created>
  <dcterms:modified xsi:type="dcterms:W3CDTF">2018-04-30T15:07:2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402053990694453</vt:lpwstr>
  </property>
  <property fmtid="{D5CDD505-2E9C-101B-9397-08002B2CF9AE}" pid="4" name="UserProfileId">
    <vt:lpwstr>636605556826843606</vt:lpwstr>
  </property>
</Properties>
</file>